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6" r:id="rId6"/>
    <p:sldId id="257" r:id="rId7"/>
    <p:sldId id="259" r:id="rId8"/>
    <p:sldId id="261" r:id="rId9"/>
    <p:sldId id="262" r:id="rId10"/>
    <p:sldId id="266" r:id="rId11"/>
    <p:sldId id="267" r:id="rId12"/>
    <p:sldId id="268" r:id="rId13"/>
    <p:sldId id="269" r:id="rId14"/>
    <p:sldId id="277" r:id="rId15"/>
    <p:sldId id="270" r:id="rId16"/>
    <p:sldId id="278" r:id="rId17"/>
    <p:sldId id="271" r:id="rId18"/>
    <p:sldId id="274" r:id="rId19"/>
    <p:sldId id="279" r:id="rId20"/>
    <p:sldId id="272" r:id="rId21"/>
    <p:sldId id="280" r:id="rId22"/>
    <p:sldId id="273" r:id="rId23"/>
    <p:sldId id="281" r:id="rId24"/>
    <p:sldId id="276" r:id="rId25"/>
    <p:sldId id="282" r:id="rId26"/>
    <p:sldId id="275" r:id="rId27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0"/>
  </p:normalViewPr>
  <p:slideViewPr>
    <p:cSldViewPr snapToGrid="0">
      <p:cViewPr varScale="1">
        <p:scale>
          <a:sx n="54" d="100"/>
          <a:sy n="54" d="100"/>
        </p:scale>
        <p:origin x="76" y="32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3" Type="http://schemas.openxmlformats.org/officeDocument/2006/relationships/customXml" Target="../customXml/item3.xml"/><Relationship Id="rId21" Type="http://schemas.openxmlformats.org/officeDocument/2006/relationships/slide" Target="slides/slide16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presProps" Target="presProps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10/05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4" Type="http://schemas.openxmlformats.org/officeDocument/2006/relationships/image" Target="../media/image1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2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resentation Title">
            <a:extLst>
              <a:ext uri="{FF2B5EF4-FFF2-40B4-BE49-F238E27FC236}">
                <a16:creationId xmlns:a16="http://schemas.microsoft.com/office/drawing/2014/main" id="{15679E74-0BDE-4135-BD77-D948A3277644}"/>
              </a:ext>
            </a:extLst>
          </p:cNvPr>
          <p:cNvSpPr txBox="1">
            <a:spLocks/>
          </p:cNvSpPr>
          <p:nvPr/>
        </p:nvSpPr>
        <p:spPr bwMode="gray">
          <a:xfrm>
            <a:off x="288000" y="4060056"/>
            <a:ext cx="10899174" cy="997196"/>
          </a:xfrm>
          <a:prstGeom prst="rect">
            <a:avLst/>
          </a:prstGeom>
        </p:spPr>
        <p:txBody>
          <a:bodyPr vert="horz" lIns="91440" tIns="45720" rIns="91440" bIns="45720" rtlCol="0" anchor="b">
            <a:normAutofit fontScale="77500" lnSpcReduction="20000"/>
          </a:bodyPr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60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 defTabSz="1088558">
              <a:lnSpc>
                <a:spcPct val="110000"/>
              </a:lnSpc>
            </a:pPr>
            <a:r>
              <a:rPr lang="en-US" sz="4200" b="1" dirty="0">
                <a:latin typeface="+mn-lt"/>
                <a:ea typeface="+mn-ea"/>
                <a:cs typeface="+mn-cs"/>
              </a:rPr>
              <a:t>Lending Club Analysis Problem</a:t>
            </a:r>
            <a:br>
              <a:rPr lang="en-US" sz="3600" b="1" dirty="0">
                <a:latin typeface="+mn-lt"/>
                <a:ea typeface="+mn-ea"/>
                <a:cs typeface="+mn-cs"/>
              </a:rPr>
            </a:br>
            <a:endParaRPr lang="de-DE" sz="3600" b="1" dirty="0">
              <a:latin typeface="+mn-lt"/>
              <a:ea typeface="+mn-ea"/>
              <a:cs typeface="+mn-cs"/>
            </a:endParaRPr>
          </a:p>
        </p:txBody>
      </p:sp>
      <p:pic>
        <p:nvPicPr>
          <p:cNvPr id="10" name="Picture Placeholder 4">
            <a:extLst>
              <a:ext uri="{FF2B5EF4-FFF2-40B4-BE49-F238E27FC236}">
                <a16:creationId xmlns:a16="http://schemas.microsoft.com/office/drawing/2014/main" id="{E8AD680A-E607-4F25-A6AD-17A0DABD0007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1" y="15630"/>
            <a:ext cx="12195174" cy="3430006"/>
          </a:xfrm>
          <a:prstGeom prst="rect">
            <a:avLst/>
          </a:prstGeom>
        </p:spPr>
      </p:pic>
      <p:sp>
        <p:nvSpPr>
          <p:cNvPr id="11" name="Speaker">
            <a:extLst>
              <a:ext uri="{FF2B5EF4-FFF2-40B4-BE49-F238E27FC236}">
                <a16:creationId xmlns:a16="http://schemas.microsoft.com/office/drawing/2014/main" id="{70659374-39D9-4D6D-85B3-122EA0615996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288000" y="5057252"/>
            <a:ext cx="10899174" cy="430887"/>
          </a:xfrm>
        </p:spPr>
        <p:txBody>
          <a:bodyPr>
            <a:normAutofit fontScale="77500" lnSpcReduction="20000"/>
          </a:bodyPr>
          <a:lstStyle/>
          <a:p>
            <a:pPr algn="l" defTabSz="1088558">
              <a:lnSpc>
                <a:spcPct val="120000"/>
              </a:lnSpc>
              <a:spcBef>
                <a:spcPts val="0"/>
              </a:spcBef>
              <a:buClr>
                <a:schemeClr val="accent1"/>
              </a:buClr>
              <a:buSzPct val="80000"/>
            </a:pPr>
            <a:r>
              <a:rPr lang="en-US" sz="1400" dirty="0">
                <a:latin typeface="Arial" panose="020B0604020202020204" pitchFamily="34" charset="0"/>
                <a:cs typeface="Arial" panose="020B0604020202020204" pitchFamily="34" charset="0"/>
              </a:rPr>
              <a:t>Dinesh Chandrasekar, SAP</a:t>
            </a:r>
          </a:p>
          <a:p>
            <a:pPr lvl="0" algn="l" defTabSz="1088558">
              <a:lnSpc>
                <a:spcPct val="120000"/>
              </a:lnSpc>
              <a:spcBef>
                <a:spcPts val="0"/>
              </a:spcBef>
              <a:buClr>
                <a:schemeClr val="accent1"/>
              </a:buClr>
              <a:buSzPct val="80000"/>
            </a:pPr>
            <a:r>
              <a:rPr lang="en-US" sz="1400" dirty="0">
                <a:latin typeface="Arial" panose="020B0604020202020204" pitchFamily="34" charset="0"/>
                <a:cs typeface="Arial" panose="020B0604020202020204" pitchFamily="34" charset="0"/>
              </a:rPr>
              <a:t>Jan 27th,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929285"/>
          </a:xfrm>
        </p:spPr>
        <p:txBody>
          <a:bodyPr>
            <a:normAutofit/>
          </a:bodyPr>
          <a:lstStyle/>
          <a:p>
            <a:r>
              <a:rPr lang="en-US" dirty="0"/>
              <a:t>Bivariant Analysis –  Grade on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94410"/>
            <a:ext cx="10515600" cy="4882553"/>
          </a:xfrm>
        </p:spPr>
        <p:txBody>
          <a:bodyPr/>
          <a:lstStyle/>
          <a:p>
            <a:r>
              <a:rPr lang="en-US" dirty="0"/>
              <a:t>As grade increases, default percentage increases</a:t>
            </a:r>
            <a:endParaRPr lang="en-IN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86AA350-A0EE-49CD-A4F4-2AA6A7E4AA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62250" y="2223695"/>
            <a:ext cx="6667500" cy="43910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2444473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95540"/>
          </a:xfrm>
        </p:spPr>
        <p:txBody>
          <a:bodyPr>
            <a:normAutofit/>
          </a:bodyPr>
          <a:lstStyle/>
          <a:p>
            <a:r>
              <a:rPr lang="en-US" dirty="0"/>
              <a:t>Bivariant Analysis –  Term on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781299"/>
            <a:ext cx="10515600" cy="4395664"/>
          </a:xfrm>
        </p:spPr>
        <p:txBody>
          <a:bodyPr/>
          <a:lstStyle/>
          <a:p>
            <a:r>
              <a:rPr lang="en-US" dirty="0"/>
              <a:t>Loans with Term with 36 months are more likely to repay the loans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775CED7-F38F-418D-8D39-9376EDE23AF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27526" y="2445976"/>
            <a:ext cx="7080848" cy="35958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888890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858033"/>
          </a:xfrm>
        </p:spPr>
        <p:txBody>
          <a:bodyPr>
            <a:normAutofit/>
          </a:bodyPr>
          <a:lstStyle/>
          <a:p>
            <a:r>
              <a:rPr lang="en-US" dirty="0"/>
              <a:t>Bivariant Analysis –  Term on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23158"/>
            <a:ext cx="10515600" cy="4953805"/>
          </a:xfrm>
        </p:spPr>
        <p:txBody>
          <a:bodyPr/>
          <a:lstStyle/>
          <a:p>
            <a:r>
              <a:rPr lang="en-US" dirty="0"/>
              <a:t>Loans with Term with 36 months are more likely to repay the loans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F2FEAA8-B194-4093-8D6D-8698D0C4FC7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81287" y="1776413"/>
            <a:ext cx="6829425" cy="44005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889435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95540"/>
          </a:xfrm>
        </p:spPr>
        <p:txBody>
          <a:bodyPr>
            <a:normAutofit/>
          </a:bodyPr>
          <a:lstStyle/>
          <a:p>
            <a:r>
              <a:rPr lang="en-US" dirty="0"/>
              <a:t>Bivariant Analysis –  Purpose on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781299"/>
            <a:ext cx="10515600" cy="4395664"/>
          </a:xfrm>
        </p:spPr>
        <p:txBody>
          <a:bodyPr/>
          <a:lstStyle/>
          <a:p>
            <a:r>
              <a:rPr lang="en-US" dirty="0"/>
              <a:t>Business Loans are the high defaulters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AC7BD36-63D4-42C4-B7B0-2219FA067F2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31322" y="2607014"/>
            <a:ext cx="10515600" cy="31113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4018861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95540"/>
          </a:xfrm>
        </p:spPr>
        <p:txBody>
          <a:bodyPr>
            <a:normAutofit/>
          </a:bodyPr>
          <a:lstStyle/>
          <a:p>
            <a:r>
              <a:rPr lang="en-US" dirty="0"/>
              <a:t>Bivariant Analysis –  Purpose on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793175"/>
            <a:ext cx="10515600" cy="4395664"/>
          </a:xfrm>
        </p:spPr>
        <p:txBody>
          <a:bodyPr/>
          <a:lstStyle/>
          <a:p>
            <a:r>
              <a:rPr lang="en-US" dirty="0"/>
              <a:t>Business Loans are the high defaulters</a:t>
            </a:r>
            <a:endParaRPr lang="en-IN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4093E5C-11C7-466F-94FA-022A2C9706F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23036" y="2293206"/>
            <a:ext cx="1314450" cy="337185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2A9427C4-0B51-41DE-B47B-9BB52A6DD9C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537486" y="2274156"/>
            <a:ext cx="7610475" cy="33909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525793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54627"/>
          </a:xfrm>
        </p:spPr>
        <p:txBody>
          <a:bodyPr>
            <a:normAutofit/>
          </a:bodyPr>
          <a:lstStyle/>
          <a:p>
            <a:r>
              <a:rPr lang="en-US" dirty="0"/>
              <a:t>Bivariant Analysis –  Purpose on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119752"/>
            <a:ext cx="10515600" cy="5069087"/>
          </a:xfrm>
        </p:spPr>
        <p:txBody>
          <a:bodyPr/>
          <a:lstStyle/>
          <a:p>
            <a:r>
              <a:rPr lang="en-US" dirty="0"/>
              <a:t>Business Loans are the high defaulters</a:t>
            </a:r>
            <a:endParaRPr lang="en-IN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237CCAA7-4B8A-4FAC-BBD3-137D4731632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43199" y="1607984"/>
            <a:ext cx="5804931" cy="51034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58970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95540"/>
          </a:xfrm>
        </p:spPr>
        <p:txBody>
          <a:bodyPr>
            <a:normAutofit/>
          </a:bodyPr>
          <a:lstStyle/>
          <a:p>
            <a:r>
              <a:rPr lang="en-US" dirty="0"/>
              <a:t>Bivariant Analysis –  Issue Year on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781299"/>
            <a:ext cx="10515600" cy="4395664"/>
          </a:xfrm>
        </p:spPr>
        <p:txBody>
          <a:bodyPr/>
          <a:lstStyle/>
          <a:p>
            <a:r>
              <a:rPr lang="en-US" dirty="0"/>
              <a:t>Unable to predict based on year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4458102-040A-4CC1-A22F-D13922655FA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31780" y="2850449"/>
            <a:ext cx="8829675" cy="29146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5354702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12413"/>
          </a:xfrm>
        </p:spPr>
        <p:txBody>
          <a:bodyPr>
            <a:normAutofit/>
          </a:bodyPr>
          <a:lstStyle/>
          <a:p>
            <a:r>
              <a:rPr lang="en-US" dirty="0"/>
              <a:t>Bivariant Analysis –  Issue Year on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377538"/>
            <a:ext cx="10515600" cy="4799425"/>
          </a:xfrm>
        </p:spPr>
        <p:txBody>
          <a:bodyPr/>
          <a:lstStyle/>
          <a:p>
            <a:r>
              <a:rPr lang="en-US" dirty="0"/>
              <a:t>Unable to predict based on year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DAC59D5-C3BF-47CA-BF5A-5970C0D6224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929371" y="1933760"/>
            <a:ext cx="6000750" cy="46767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011247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95540"/>
          </a:xfrm>
        </p:spPr>
        <p:txBody>
          <a:bodyPr>
            <a:noAutofit/>
          </a:bodyPr>
          <a:lstStyle/>
          <a:p>
            <a:r>
              <a:rPr lang="en-US" sz="3500" dirty="0"/>
              <a:t>Bivariant Analysis –  No of Bankruptcies on Loan status</a:t>
            </a:r>
            <a:endParaRPr lang="en-IN" sz="35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781299"/>
            <a:ext cx="10515600" cy="4395664"/>
          </a:xfrm>
        </p:spPr>
        <p:txBody>
          <a:bodyPr/>
          <a:lstStyle/>
          <a:p>
            <a:r>
              <a:rPr lang="en-US" dirty="0"/>
              <a:t>Borrowers with 1 or more bankruptcies are having high chances of not paying back the loan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87768EF-506F-435D-ADDA-61F6DB96CCE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93830" y="2634219"/>
            <a:ext cx="6505575" cy="29908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429339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24288"/>
          </a:xfrm>
        </p:spPr>
        <p:txBody>
          <a:bodyPr>
            <a:noAutofit/>
          </a:bodyPr>
          <a:lstStyle/>
          <a:p>
            <a:r>
              <a:rPr lang="en-US" sz="3500" dirty="0"/>
              <a:t>Bivariant Analysis –  No of Bankruptcies on Loan status</a:t>
            </a:r>
            <a:endParaRPr lang="en-IN" sz="35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306286"/>
            <a:ext cx="10515600" cy="4870677"/>
          </a:xfrm>
        </p:spPr>
        <p:txBody>
          <a:bodyPr/>
          <a:lstStyle/>
          <a:p>
            <a:r>
              <a:rPr lang="en-US" dirty="0"/>
              <a:t>Borrowers with 1 or more bankruptcies are having high chances of not paying back the loan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EA63ECA-C97E-421B-A9C4-0C96B9A17A5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72331" y="2330574"/>
            <a:ext cx="6219825" cy="44481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4832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F3E05-894F-4947-A104-3287AE86ED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genda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D35BF82-D2B4-4264-9932-19CAF608BE1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Understanding Dataset</a:t>
            </a:r>
          </a:p>
          <a:p>
            <a:r>
              <a:rPr lang="en-US" dirty="0"/>
              <a:t>Univariant analysis</a:t>
            </a:r>
          </a:p>
          <a:p>
            <a:r>
              <a:rPr lang="en-US" dirty="0"/>
              <a:t>Bivariant analysis</a:t>
            </a:r>
          </a:p>
          <a:p>
            <a:r>
              <a:rPr lang="en-US" dirty="0"/>
              <a:t>Multivariant analysis</a:t>
            </a:r>
          </a:p>
          <a:p>
            <a:r>
              <a:rPr lang="en-US" dirty="0"/>
              <a:t>Summary</a:t>
            </a:r>
          </a:p>
          <a:p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4293666996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95540"/>
          </a:xfrm>
        </p:spPr>
        <p:txBody>
          <a:bodyPr>
            <a:normAutofit/>
          </a:bodyPr>
          <a:lstStyle/>
          <a:p>
            <a:r>
              <a:rPr lang="en-US" dirty="0"/>
              <a:t>Multivariant Analysis 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460665"/>
            <a:ext cx="10515600" cy="4716298"/>
          </a:xfrm>
        </p:spPr>
        <p:txBody>
          <a:bodyPr/>
          <a:lstStyle/>
          <a:p>
            <a:r>
              <a:rPr lang="en-US" dirty="0"/>
              <a:t>Multivariate Analysis on Loan amount, Interest rate and Loan status</a:t>
            </a:r>
          </a:p>
          <a:p>
            <a:r>
              <a:rPr lang="en-US" dirty="0"/>
              <a:t>Loans which has interest rate less 10 are more likely to be paid fully</a:t>
            </a:r>
          </a:p>
          <a:p>
            <a:r>
              <a:rPr lang="en-US" dirty="0"/>
              <a:t>Loans which has interest rate more than 10 have more possibility of default</a:t>
            </a: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402588524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95540"/>
          </a:xfrm>
        </p:spPr>
        <p:txBody>
          <a:bodyPr>
            <a:normAutofit/>
          </a:bodyPr>
          <a:lstStyle/>
          <a:p>
            <a:r>
              <a:rPr lang="en-US" dirty="0"/>
              <a:t>Multivariant Analysis </a:t>
            </a:r>
            <a:endParaRPr lang="en-IN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532B80EE-6679-4A5F-AD46-6F0DC5215BA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2504" y="1094156"/>
            <a:ext cx="11906992" cy="53987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0383564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E570D0-0524-4EAC-9CA1-BBAF7A33B5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mmary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6745346-A841-41D9-982C-E9D5111C725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Higher the grade, higher chances of loan defaults</a:t>
            </a:r>
          </a:p>
          <a:p>
            <a:r>
              <a:rPr lang="en-US" dirty="0"/>
              <a:t>Loans with 60 months have more chances of loan defaults</a:t>
            </a:r>
          </a:p>
          <a:p>
            <a:r>
              <a:rPr lang="en-US" dirty="0"/>
              <a:t>Small business loans are more likely not to be paid back</a:t>
            </a:r>
          </a:p>
          <a:p>
            <a:r>
              <a:rPr lang="en-US" dirty="0"/>
              <a:t>Borrowers who has history of bankruptcies having high changes of default</a:t>
            </a:r>
          </a:p>
          <a:p>
            <a:r>
              <a:rPr lang="en-US" dirty="0"/>
              <a:t>Loans which has more interest rate are less likely to be collected back</a:t>
            </a:r>
          </a:p>
          <a:p>
            <a:endParaRPr lang="en-US" dirty="0"/>
          </a:p>
          <a:p>
            <a:endParaRPr lang="en-US" dirty="0"/>
          </a:p>
          <a:p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67379195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DC57A1-5D35-42D2-BAE7-BF3EFD730A7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nding Club Dataset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C24F4D4-C7D8-4ABF-B2C1-4D6ACD00BD6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0" i="0" dirty="0">
                <a:solidFill>
                  <a:srgbClr val="091E42"/>
                </a:solidFill>
                <a:effectLst/>
                <a:latin typeface="freight-text-pro"/>
              </a:rPr>
              <a:t>The data contains the information about past loan applicants and whether they ‘defaulted’ or not. </a:t>
            </a:r>
          </a:p>
          <a:p>
            <a:r>
              <a:rPr lang="en-US" b="0" i="0" dirty="0">
                <a:solidFill>
                  <a:srgbClr val="091E42"/>
                </a:solidFill>
                <a:effectLst/>
                <a:latin typeface="freight-text-pro"/>
              </a:rPr>
              <a:t>The aim is to identify patterns which indicate if a person is likely to default, which may be used for taking actions such as denying the loan, reducing the amount of loan, lending (to risky applicants) at a higher interest rate, etc.</a:t>
            </a: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144520286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6"/>
            <a:ext cx="10515600" cy="846158"/>
          </a:xfrm>
        </p:spPr>
        <p:txBody>
          <a:bodyPr/>
          <a:lstStyle/>
          <a:p>
            <a:r>
              <a:rPr lang="en-US" dirty="0"/>
              <a:t>Univariant Analysis – Annual Salary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11284"/>
            <a:ext cx="10515600" cy="4351338"/>
          </a:xfrm>
        </p:spPr>
        <p:txBody>
          <a:bodyPr/>
          <a:lstStyle/>
          <a:p>
            <a:r>
              <a:rPr lang="en-US" dirty="0"/>
              <a:t>Most of the borrowers annual salary lies between 40000 and 78000 </a:t>
            </a:r>
            <a:endParaRPr lang="en-IN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EA4268DC-5A20-47DE-947D-1F53D52A5C6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48968" y="2066348"/>
            <a:ext cx="6051440" cy="39546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8199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9463"/>
          </a:xfrm>
        </p:spPr>
        <p:txBody>
          <a:bodyPr/>
          <a:lstStyle/>
          <a:p>
            <a:r>
              <a:rPr lang="en-US" dirty="0"/>
              <a:t>Univariant Analysis – Purpose of the Loan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144588"/>
            <a:ext cx="10515600" cy="5032375"/>
          </a:xfrm>
        </p:spPr>
        <p:txBody>
          <a:bodyPr/>
          <a:lstStyle/>
          <a:p>
            <a:r>
              <a:rPr lang="en-US" dirty="0"/>
              <a:t>Most of the borrower’s purpose of the loan is Debt consolidation </a:t>
            </a:r>
            <a:endParaRPr lang="en-IN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A3BF349-12B9-434A-9177-F1DBC4413D3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90700" y="1775505"/>
            <a:ext cx="5462649" cy="47173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4265459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9463"/>
          </a:xfrm>
        </p:spPr>
        <p:txBody>
          <a:bodyPr/>
          <a:lstStyle/>
          <a:p>
            <a:r>
              <a:rPr lang="en-US" dirty="0"/>
              <a:t>Univariant Analysis –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144588"/>
            <a:ext cx="10515600" cy="5032375"/>
          </a:xfrm>
        </p:spPr>
        <p:txBody>
          <a:bodyPr/>
          <a:lstStyle/>
          <a:p>
            <a:r>
              <a:rPr lang="en-US" dirty="0"/>
              <a:t>Default ratio is 1:6 compared to the borrowers who paid off 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89B29E1-FDD4-4A19-A558-9354EE428C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414031" y="1718272"/>
            <a:ext cx="5962650" cy="41814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3177685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9463"/>
          </a:xfrm>
        </p:spPr>
        <p:txBody>
          <a:bodyPr/>
          <a:lstStyle/>
          <a:p>
            <a:r>
              <a:rPr lang="en-US" dirty="0"/>
              <a:t>Univariant Analysis – Loans per year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144588"/>
            <a:ext cx="10515600" cy="5032375"/>
          </a:xfrm>
        </p:spPr>
        <p:txBody>
          <a:bodyPr/>
          <a:lstStyle/>
          <a:p>
            <a:r>
              <a:rPr lang="en-US" dirty="0"/>
              <a:t>Number of loans approved is steadily increasing each year since 2007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DC4551F-A238-45BB-B7FE-77F15F9868C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914897" y="1924051"/>
            <a:ext cx="6172200" cy="40671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7489252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779463"/>
          </a:xfrm>
        </p:spPr>
        <p:txBody>
          <a:bodyPr/>
          <a:lstStyle/>
          <a:p>
            <a:r>
              <a:rPr lang="en-US" dirty="0"/>
              <a:t>Univariant Analysis – Employee Length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144588"/>
            <a:ext cx="10515600" cy="5032375"/>
          </a:xfrm>
        </p:spPr>
        <p:txBody>
          <a:bodyPr/>
          <a:lstStyle/>
          <a:p>
            <a:r>
              <a:rPr lang="en-US" dirty="0"/>
              <a:t>People who have more than 10 years as experience are the most borrowers</a:t>
            </a:r>
            <a:endParaRPr lang="en-IN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381C346-904E-45B6-85AA-41D6E9AF9C9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41147" y="1873931"/>
            <a:ext cx="6648450" cy="4953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498253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4BFFB9-EB12-4A1F-AF0E-5F77F0A42FF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095540"/>
          </a:xfrm>
        </p:spPr>
        <p:txBody>
          <a:bodyPr>
            <a:normAutofit/>
          </a:bodyPr>
          <a:lstStyle/>
          <a:p>
            <a:r>
              <a:rPr lang="en-US" dirty="0"/>
              <a:t>Bivariant Analysis –  Grade on Loan status</a:t>
            </a:r>
            <a:endParaRPr lang="en-IN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954AA6-9B48-4E13-B8E3-9BE28D6775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781299"/>
            <a:ext cx="10515600" cy="4395664"/>
          </a:xfrm>
        </p:spPr>
        <p:txBody>
          <a:bodyPr/>
          <a:lstStyle/>
          <a:p>
            <a:r>
              <a:rPr lang="en-US" dirty="0"/>
              <a:t>As grade increases, default percentage increases</a:t>
            </a:r>
            <a:endParaRPr lang="en-IN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8917105-7CD2-498E-8E7A-F58C71D762E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4812" y="2682730"/>
            <a:ext cx="11382375" cy="27813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56879482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DAEC0FB5-7FB8-4E5D-836C-D6122B8C2BC6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1E5C1412-4B31-4EB2-BCFB-90DC85E054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66</TotalTime>
  <Words>460</Words>
  <Application>Microsoft Office PowerPoint</Application>
  <PresentationFormat>Widescreen</PresentationFormat>
  <Paragraphs>56</Paragraphs>
  <Slides>2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7" baseType="lpstr">
      <vt:lpstr>Arial</vt:lpstr>
      <vt:lpstr>Calibri</vt:lpstr>
      <vt:lpstr>Calibri Light</vt:lpstr>
      <vt:lpstr>freight-text-pro</vt:lpstr>
      <vt:lpstr>Office Theme</vt:lpstr>
      <vt:lpstr>PowerPoint Presentation</vt:lpstr>
      <vt:lpstr>Agenda</vt:lpstr>
      <vt:lpstr>Lending Club Dataset</vt:lpstr>
      <vt:lpstr>Univariant Analysis – Annual Salary</vt:lpstr>
      <vt:lpstr>Univariant Analysis – Purpose of the Loan</vt:lpstr>
      <vt:lpstr>Univariant Analysis – Loan Status</vt:lpstr>
      <vt:lpstr>Univariant Analysis – Loans per year</vt:lpstr>
      <vt:lpstr>Univariant Analysis – Employee Length</vt:lpstr>
      <vt:lpstr>Bivariant Analysis –  Grade on Loan status</vt:lpstr>
      <vt:lpstr>Bivariant Analysis –  Grade on Loan status</vt:lpstr>
      <vt:lpstr>Bivariant Analysis –  Term on Loan status</vt:lpstr>
      <vt:lpstr>Bivariant Analysis –  Term on Loan status</vt:lpstr>
      <vt:lpstr>Bivariant Analysis –  Purpose on Loan status</vt:lpstr>
      <vt:lpstr>Bivariant Analysis –  Purpose on Loan status</vt:lpstr>
      <vt:lpstr>Bivariant Analysis –  Purpose on Loan status</vt:lpstr>
      <vt:lpstr>Bivariant Analysis –  Issue Year on Loan status</vt:lpstr>
      <vt:lpstr>Bivariant Analysis –  Issue Year on Loan status</vt:lpstr>
      <vt:lpstr>Bivariant Analysis –  No of Bankruptcies on Loan status</vt:lpstr>
      <vt:lpstr>Bivariant Analysis –  No of Bankruptcies on Loan status</vt:lpstr>
      <vt:lpstr>Multivariant Analysis </vt:lpstr>
      <vt:lpstr>Multivariant Analysis </vt:lpstr>
      <vt:lpstr>Summary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Macherla Chandrasekar, Dinesh</cp:lastModifiedBy>
  <cp:revision>3</cp:revision>
  <dcterms:created xsi:type="dcterms:W3CDTF">2022-09-21T07:54:05Z</dcterms:created>
  <dcterms:modified xsi:type="dcterms:W3CDTF">2022-10-05T15:25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1515460396796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